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webextensions/taskpanes.xml" ContentType="application/vnd.ms-office.webextensiontaskpanes+xml"/>
  <Override PartName="/word/webextensions/webextension1.xml" ContentType="application/vnd.ms-office.webextension+xml"/>
  <Override PartName="/word/webextensions/webextension2.xml" ContentType="application/vnd.ms-office.webextension+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11/relationships/webextensiontaskpanes" Target="word/webextensions/taskpanes.xml"/><Relationship Id="rId1" Type="http://schemas.openxmlformats.org/officeDocument/2006/relationships/officeDocument" Target="word/document.xml"/><Relationship Id="rId6" Type="http://schemas.microsoft.com/office/2020/02/relationships/classificationlabels" Target="docMetadata/LabelInfo.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3684A351" w:rsidR="009000CE" w:rsidRPr="00E94123" w:rsidRDefault="001824DE" w:rsidP="00ED34AE">
                <w:pPr>
                  <w:pStyle w:val="Title"/>
                </w:pPr>
                <w:r w:rsidRPr="00E94123">
                  <w:t>&lt; Accident Data User Interface (Placeholder)&gt; Executive Summary</w:t>
                </w:r>
              </w:p>
            </w:sdtContent>
          </w:sdt>
        </w:tc>
      </w:tr>
      <w:tr w:rsidR="009000CE" w14:paraId="70FBC1D6" w14:textId="77777777">
        <w:trPr>
          <w:trHeight w:val="6705"/>
        </w:trPr>
        <w:tc>
          <w:tcPr>
            <w:tcW w:w="9350" w:type="dxa"/>
            <w:vAlign w:val="bottom"/>
          </w:tcPr>
          <w:p w14:paraId="08BDC438" w14:textId="74ECB7C7" w:rsidR="009000CE" w:rsidRPr="00E94123" w:rsidRDefault="00000000">
            <w:pPr>
              <w:pStyle w:val="Heading3"/>
            </w:pPr>
            <w:sdt>
              <w:sdtPr>
                <w:rPr>
                  <w:lang w:val="en-AU" w:eastAsia="en-US"/>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1824DE" w:rsidRPr="00E94123">
                  <w:rPr>
                    <w:lang w:val="en-AU" w:eastAsia="en-US"/>
                  </w:rPr>
                  <w:t>Lambert Niyuhire, Cody Perkins, Mitchell Reid</w:t>
                </w:r>
              </w:sdtContent>
            </w:sdt>
          </w:p>
          <w:p w14:paraId="731D4453" w14:textId="77777777" w:rsidR="009000CE" w:rsidRPr="00E94123" w:rsidRDefault="00184AA9">
            <w:pPr>
              <w:pStyle w:val="Heading3"/>
            </w:pPr>
            <w:r w:rsidRPr="00E94123">
              <w:t>2810ICT Software Technologies</w:t>
            </w:r>
          </w:p>
          <w:p w14:paraId="44D315E5" w14:textId="3AAF53B5" w:rsidR="009000CE" w:rsidRPr="00E94123" w:rsidRDefault="00000000" w:rsidP="00184AA9">
            <w:pPr>
              <w:pStyle w:val="Heading3"/>
            </w:pPr>
            <w:sdt>
              <w:sdtPr>
                <w:id w:val="1657335012"/>
                <w:placeholder>
                  <w:docPart w:val="CCAB335EBB7D49D09A6FD43A25F22038"/>
                </w:placeholder>
                <w:date w:fullDate="2023-08-21T00:00:00Z">
                  <w:dateFormat w:val="MMMM d, yyyy"/>
                  <w:lid w:val="en-US"/>
                  <w:storeMappedDataAs w:val="dateTime"/>
                  <w:calendar w:val="gregorian"/>
                </w:date>
              </w:sdtPr>
              <w:sdtContent>
                <w:r w:rsidR="001824DE" w:rsidRPr="00E94123">
                  <w:t>August 21,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2602CD8B" w14:textId="13F6F5D6" w:rsidR="009000CE" w:rsidRPr="00E94123" w:rsidRDefault="00D00991" w:rsidP="0010362E">
      <w:r w:rsidRPr="00E94123">
        <w:t>Through the Accident Data User Interface project, technical and design skills are merged. Based on a carefully thought-out project strategy, the application aims to become the industry-standard tool for analyzing accident data within the given timeframe. A work of artistic genius, the user interface presents the data in a user-centric way. To coordinate tasks and predict timelines, a detailed Work Breakdown Structure (WBS) was required in order to ensure the program exceeded user expectations.</w:t>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E9E7FA4" w14:textId="4F02D17C" w:rsidR="002D4235" w:rsidRPr="00E94123" w:rsidRDefault="00D00991" w:rsidP="0010362E">
      <w:pPr>
        <w:rPr>
          <w:rFonts w:eastAsiaTheme="majorEastAsia"/>
        </w:rPr>
      </w:pPr>
      <w:r w:rsidRPr="00E94123">
        <w:rPr>
          <w:rFonts w:eastAsiaTheme="majorEastAsia"/>
        </w:rPr>
        <w:t>As part of this study, you will learn about the Accident Data User Interface project, unraveling a thorough narrative that ties together the many components of the software's development and design. From its conception in August 2023 through to its completion, the project has had a revolutionary path. In addition to numbers and codes, it reflects the initiative's desire to maximize the potential of accident data that lies beneath it. It will be evident to readers through the lens of this study how raw data can be transformed into useful insights, demonstrating the importance of well-represented data in the transformation process.</w:t>
      </w:r>
    </w:p>
    <w:p w14:paraId="6FB4E738" w14:textId="77777777" w:rsidR="0010362E" w:rsidRDefault="0010362E" w:rsidP="0010362E">
      <w:pPr>
        <w:rPr>
          <w:rFonts w:eastAsiaTheme="majorEastAsia"/>
        </w:rPr>
      </w:pPr>
    </w:p>
    <w:p w14:paraId="1010D4B1" w14:textId="77777777" w:rsidR="0010362E" w:rsidRPr="0010362E" w:rsidRDefault="0010362E" w:rsidP="0010362E">
      <w:pPr>
        <w:rPr>
          <w:rStyle w:val="Heading1Char"/>
          <w:rFonts w:asciiTheme="minorHAnsi" w:hAnsiTheme="minorHAnsi"/>
          <w:sz w:val="22"/>
          <w:szCs w:val="22"/>
        </w:rPr>
      </w:pPr>
    </w:p>
    <w:p w14:paraId="70C814E0" w14:textId="34FFB0E6" w:rsidR="009000CE" w:rsidRPr="00E94123" w:rsidRDefault="00ED34AE" w:rsidP="00184AA9">
      <w:pPr>
        <w:pStyle w:val="Heading1"/>
      </w:pPr>
      <w:r w:rsidRPr="00E94123">
        <w:rPr>
          <w:rStyle w:val="Heading1Char"/>
          <w:b/>
        </w:rPr>
        <w:lastRenderedPageBreak/>
        <w:t>Analysis 1 &lt;</w:t>
      </w:r>
      <w:r w:rsidR="009E544E" w:rsidRPr="00E94123">
        <w:rPr>
          <w:rStyle w:val="Heading1Char"/>
          <w:b/>
        </w:rPr>
        <w:t>Work Breakdown Structure</w:t>
      </w:r>
      <w:r w:rsidRPr="00E94123">
        <w:rPr>
          <w:rStyle w:val="Heading1Char"/>
          <w:b/>
        </w:rPr>
        <w:t>&gt;</w:t>
      </w:r>
    </w:p>
    <w:p w14:paraId="143AE6C3" w14:textId="4F96799B" w:rsidR="006C6405" w:rsidRPr="00E94123" w:rsidRDefault="00D00991" w:rsidP="0010362E">
      <w:r w:rsidRPr="00E94123">
        <w:t>Following the comprehensive plan outlined in the "Database Gantt Project.gan" generated, the WBS was the foundation for our project's operational flow with its well-thought-out hierarchical architecture. In this way, every effort—no matter how small—was recorded, which served as a strong foundation. This meticulous structure was essential not just for job organization but also for defining roles, optimizing workflows, and ensuring that all team members shared the same goals. By defining the jobs and relationships between them precisely, it made it easier to create a realistic time estimate. A Gantt chart was created as a result, which proved to be a valuable tool for tracking the project's progress, identifying bottlenecks, and guaranteeing on-time delivery.</w:t>
      </w:r>
    </w:p>
    <w:p w14:paraId="7B92F3B5" w14:textId="77777777" w:rsidR="004279C2" w:rsidRPr="00E94123" w:rsidRDefault="00ED34AE" w:rsidP="00ED34AE">
      <w:pPr>
        <w:pStyle w:val="Heading1"/>
        <w:rPr>
          <w:rStyle w:val="Heading1Char"/>
          <w:b/>
        </w:rPr>
      </w:pPr>
      <w:r w:rsidRPr="00E94123">
        <w:rPr>
          <w:rStyle w:val="Heading1Char"/>
          <w:b/>
        </w:rPr>
        <w:t>Analysis 2 &lt;</w:t>
      </w:r>
      <w:r w:rsidR="00A3440D" w:rsidRPr="00E94123">
        <w:rPr>
          <w:rStyle w:val="Heading1Char"/>
          <w:b/>
        </w:rPr>
        <w:t>Interface Structure and Information Layout</w:t>
      </w:r>
      <w:r w:rsidRPr="00E94123">
        <w:rPr>
          <w:rStyle w:val="Heading1Char"/>
          <w:b/>
        </w:rPr>
        <w:t>&gt;</w:t>
      </w:r>
    </w:p>
    <w:p w14:paraId="0EE72005" w14:textId="11A9E1F0" w:rsidR="004279C2" w:rsidRPr="00E94123" w:rsidRDefault="00001F4B" w:rsidP="006C6405">
      <w:r w:rsidRPr="00E94123">
        <w:t xml:space="preserve">In order to optimize user experience from the beginning, the project took inspiration and guidance from the detailed illustrations in "Mockups and </w:t>
      </w:r>
      <w:proofErr w:type="gramStart"/>
      <w:r w:rsidRPr="00E94123">
        <w:t>diagrams.drawio</w:t>
      </w:r>
      <w:proofErr w:type="gramEnd"/>
      <w:r w:rsidRPr="00E94123">
        <w:t>". It resulted in an interface that was user-centric and thoughtful. By combining aesthetics with functionality, the interface offers both aesthetic appeal and operational efficiency. Because every element, button, and feature is carefully placed, users won't feel overwhelmed or lost.</w:t>
      </w:r>
    </w:p>
    <w:p w14:paraId="21796872" w14:textId="77777777" w:rsidR="006C6405" w:rsidRDefault="006C6405" w:rsidP="006C6405"/>
    <w:p w14:paraId="6B1E2111" w14:textId="77777777" w:rsidR="006C6405" w:rsidRDefault="006C6405" w:rsidP="006C6405"/>
    <w:p w14:paraId="03A32502" w14:textId="77777777" w:rsidR="004279C2" w:rsidRPr="004279C2" w:rsidRDefault="004279C2" w:rsidP="0010362E">
      <w:pPr>
        <w:ind w:left="0"/>
      </w:pPr>
    </w:p>
    <w:p w14:paraId="2B11177A" w14:textId="3630F300" w:rsidR="00ED34AE" w:rsidRPr="00E94123" w:rsidRDefault="00ED34AE" w:rsidP="00ED34AE">
      <w:pPr>
        <w:pStyle w:val="Heading1"/>
        <w:rPr>
          <w:rStyle w:val="Heading1Char"/>
          <w:b/>
        </w:rPr>
      </w:pPr>
      <w:r w:rsidRPr="00E94123">
        <w:rPr>
          <w:rStyle w:val="Heading1Char"/>
          <w:b/>
        </w:rPr>
        <w:lastRenderedPageBreak/>
        <w:t>Analysis 3 &lt;</w:t>
      </w:r>
      <w:r w:rsidR="00A3440D" w:rsidRPr="00E94123">
        <w:rPr>
          <w:rStyle w:val="Heading1Char"/>
          <w:b/>
        </w:rPr>
        <w:t>Visual Design and Elements</w:t>
      </w:r>
      <w:r w:rsidRPr="00E94123">
        <w:rPr>
          <w:rStyle w:val="Heading1Char"/>
          <w:b/>
        </w:rPr>
        <w:t>&gt;</w:t>
      </w:r>
    </w:p>
    <w:p w14:paraId="46919753" w14:textId="64EF7143" w:rsidR="006C6405" w:rsidRPr="00E94123" w:rsidRDefault="00D00991" w:rsidP="0010362E">
      <w:r w:rsidRPr="00E94123">
        <w:t>Every aspect of the software is meticulously designed, demonstrating that design wasn't just an afterthought but a fundamental consideration from the beginning. Every detail was curated to create an experience that was visually captivating, from the selection of color palettes to the subtle animations and transitions. Using these preliminary design tools, we ensured that each element had a clear purpose and place prior to the software's development. As a result, what emerged was a software solution that not only functions efficiently; also delights the eye, offering users a harmonious blend of top-tier functionality and sophisticated visual appeal.</w:t>
      </w:r>
    </w:p>
    <w:p w14:paraId="49BE7F08" w14:textId="0CE35CC6" w:rsidR="00ED34AE" w:rsidRPr="00E94123" w:rsidRDefault="00ED34AE" w:rsidP="00ED34AE">
      <w:pPr>
        <w:pStyle w:val="Heading1"/>
        <w:rPr>
          <w:rStyle w:val="Heading1Char"/>
          <w:rFonts w:asciiTheme="minorHAnsi" w:eastAsiaTheme="minorEastAsia" w:hAnsiTheme="minorHAnsi" w:cstheme="minorBidi"/>
          <w:color w:val="auto"/>
          <w:sz w:val="22"/>
          <w:szCs w:val="22"/>
        </w:rPr>
      </w:pPr>
      <w:r w:rsidRPr="00E94123">
        <w:rPr>
          <w:rStyle w:val="Heading1Char"/>
          <w:b/>
        </w:rPr>
        <w:t>Analysis 4 &lt;</w:t>
      </w:r>
      <w:r w:rsidR="00A3440D" w:rsidRPr="00E94123">
        <w:rPr>
          <w:rStyle w:val="Heading1Char"/>
          <w:b/>
        </w:rPr>
        <w:t>Project Milestones and Timeframes</w:t>
      </w:r>
      <w:r w:rsidRPr="00E94123">
        <w:rPr>
          <w:rStyle w:val="Heading1Char"/>
          <w:b/>
        </w:rPr>
        <w:t>&gt;</w:t>
      </w:r>
    </w:p>
    <w:p w14:paraId="2E17B88D" w14:textId="2C8B8FFF" w:rsidR="004279C2" w:rsidRPr="00E94123" w:rsidRDefault="00D00991" w:rsidP="006C6405">
      <w:pPr>
        <w:rPr>
          <w:b/>
        </w:rPr>
      </w:pPr>
      <w:r w:rsidRPr="00E94123">
        <w:t xml:space="preserve">A detailed and transparent overview of all tasks was provided by meticulously itemizing each activity associated with the project in accordance with the Work Breakdown Structure (WBS). The Gantt chart, which clarifies both the sequence and interdependencies of activities while setting clear deadlines, was then used to map these tasks onto it. A Gantt chart can also be used as a tracking tool to identify delays or bottlenecks early on, so proactive measures can be taken to avoid them. By following this rigorous organizational framework, the project stayed within the prescribed timeline, reducing overrun </w:t>
      </w:r>
      <w:proofErr w:type="gramStart"/>
      <w:r w:rsidRPr="00E94123">
        <w:t>risks</w:t>
      </w:r>
      <w:proofErr w:type="gramEnd"/>
      <w:r w:rsidRPr="00E94123">
        <w:t xml:space="preserve"> and ensuring a disciplined adherence to schedule.</w:t>
      </w:r>
    </w:p>
    <w:p w14:paraId="2A7B7290" w14:textId="77777777" w:rsidR="00C65CD6" w:rsidRDefault="00C65CD6" w:rsidP="00C65CD6"/>
    <w:p w14:paraId="51462059" w14:textId="77777777" w:rsidR="006C6405" w:rsidRPr="00C65CD6" w:rsidRDefault="006C6405" w:rsidP="0010362E">
      <w:pPr>
        <w:ind w:left="0"/>
      </w:pPr>
    </w:p>
    <w:p w14:paraId="63C58427" w14:textId="506AD91B" w:rsidR="00ED34AE" w:rsidRPr="00E94123" w:rsidRDefault="00ED34AE" w:rsidP="00ED34AE">
      <w:pPr>
        <w:pStyle w:val="Heading1"/>
        <w:rPr>
          <w:rStyle w:val="Heading1Char"/>
          <w:b/>
        </w:rPr>
      </w:pPr>
      <w:r w:rsidRPr="00E94123">
        <w:rPr>
          <w:rStyle w:val="Heading1Char"/>
          <w:b/>
        </w:rPr>
        <w:lastRenderedPageBreak/>
        <w:t>Analysis 5 &lt;</w:t>
      </w:r>
      <w:r w:rsidR="006640FE" w:rsidRPr="00E94123">
        <w:rPr>
          <w:rStyle w:val="Heading1Char"/>
          <w:b/>
        </w:rPr>
        <w:t>Design Justification</w:t>
      </w:r>
      <w:r w:rsidRPr="00E94123">
        <w:rPr>
          <w:rStyle w:val="Heading1Char"/>
          <w:b/>
        </w:rPr>
        <w:t>&gt;</w:t>
      </w:r>
    </w:p>
    <w:p w14:paraId="25D8907E" w14:textId="1DC5EE3E" w:rsidR="00C65CD6" w:rsidRPr="00E94123" w:rsidRDefault="00D00991" w:rsidP="0010362E">
      <w:r w:rsidRPr="00E94123">
        <w:t>A clear and deliberate rationale guided every aspect of the design process. User-centric design overcame everything from the design of the interface to the placement of buttons, the flow of navigation to the subtler aesthetic elements such as color schemes and typography. Prioritizing user experience allowed us to create a user-friendly environment that enabled users to perform their tasks with ease and precision while maintaining functional effectiveness. In the development process, every feature, tool, and visual cue was designed to enhance the software's performance, so it would not only look good but also function seamlessly.</w:t>
      </w:r>
    </w:p>
    <w:p w14:paraId="34DE9158" w14:textId="77777777" w:rsidR="00E94123" w:rsidRDefault="00E94123" w:rsidP="0010362E"/>
    <w:p w14:paraId="605E4322" w14:textId="77777777" w:rsidR="00E94123" w:rsidRPr="00932C60" w:rsidRDefault="00E94123" w:rsidP="0010362E">
      <w:pPr>
        <w:rPr>
          <w:b/>
        </w:rPr>
      </w:pPr>
    </w:p>
    <w:p w14:paraId="20586613" w14:textId="180DCD6E" w:rsidR="002D4235" w:rsidRPr="00E94123" w:rsidRDefault="003C527F" w:rsidP="00184AA9">
      <w:pPr>
        <w:pStyle w:val="Heading1"/>
        <w:rPr>
          <w:bCs/>
        </w:rPr>
      </w:pPr>
      <w:r w:rsidRPr="00E94123">
        <w:rPr>
          <w:bCs/>
        </w:rPr>
        <w:t>Analysis 6 &lt; Software Capabilities &gt;</w:t>
      </w:r>
    </w:p>
    <w:p w14:paraId="6EDAC398" w14:textId="12BC6D04" w:rsidR="00C65CD6" w:rsidRPr="00E94123" w:rsidRDefault="00001F4B" w:rsidP="00710378">
      <w:r w:rsidRPr="00E94123">
        <w:t>By using this software, users will be able to gain a deeper understanding of the Victorian accident dataset, one of the most innovative data analysis tools available today. In addition to intricate tabulations and visually engaging bar graphs to illustrate data, its capabilities are vast. By using the keyword search function, users can efficiently and precisely extract specific data sets.</w:t>
      </w:r>
    </w:p>
    <w:p w14:paraId="696332FF" w14:textId="77777777" w:rsidR="006C6405" w:rsidRDefault="006C6405" w:rsidP="00ED34AE">
      <w:pPr>
        <w:ind w:left="0"/>
      </w:pPr>
    </w:p>
    <w:p w14:paraId="0A513056" w14:textId="77777777" w:rsidR="006C6405" w:rsidRDefault="006C6405" w:rsidP="00ED34AE">
      <w:pPr>
        <w:ind w:left="0"/>
      </w:pPr>
    </w:p>
    <w:p w14:paraId="42BD6AFC" w14:textId="77777777" w:rsidR="006C6405" w:rsidRDefault="006C6405" w:rsidP="00ED34AE">
      <w:pPr>
        <w:ind w:left="0"/>
      </w:pPr>
    </w:p>
    <w:p w14:paraId="76CBBBAC" w14:textId="77777777" w:rsidR="006C6405" w:rsidRDefault="006C6405" w:rsidP="00ED34AE">
      <w:pPr>
        <w:ind w:left="0"/>
      </w:pPr>
    </w:p>
    <w:p w14:paraId="76376D4D" w14:textId="77777777" w:rsidR="006C6405" w:rsidRDefault="006C6405" w:rsidP="00ED34AE">
      <w:pPr>
        <w:ind w:left="0"/>
      </w:pPr>
    </w:p>
    <w:p w14:paraId="1AB470C3" w14:textId="71675DBD" w:rsidR="006C6405" w:rsidRPr="00932C60" w:rsidRDefault="003C527F" w:rsidP="00ED34AE">
      <w:pPr>
        <w:ind w:left="0"/>
        <w:rPr>
          <w:rFonts w:asciiTheme="majorHAnsi" w:eastAsiaTheme="majorEastAsia" w:hAnsiTheme="majorHAnsi" w:cstheme="majorBidi"/>
          <w:b/>
          <w:color w:val="2E74B5" w:themeColor="accent1" w:themeShade="BF"/>
          <w:sz w:val="28"/>
          <w:szCs w:val="28"/>
        </w:rPr>
      </w:pPr>
      <w:r w:rsidRPr="00932C60">
        <w:rPr>
          <w:rFonts w:asciiTheme="majorHAnsi" w:eastAsiaTheme="majorEastAsia" w:hAnsiTheme="majorHAnsi" w:cstheme="majorBidi"/>
          <w:b/>
          <w:color w:val="2E74B5" w:themeColor="accent1" w:themeShade="BF"/>
          <w:sz w:val="28"/>
          <w:szCs w:val="28"/>
        </w:rPr>
        <w:t>Conclusion</w:t>
      </w:r>
    </w:p>
    <w:p w14:paraId="04C4D537" w14:textId="68ABF264" w:rsidR="003C527F" w:rsidRPr="00932C60" w:rsidRDefault="0010362E" w:rsidP="00710378">
      <w:pPr>
        <w:rPr>
          <w:rFonts w:eastAsiaTheme="majorEastAsia"/>
        </w:rPr>
      </w:pPr>
      <w:r w:rsidRPr="00932C60">
        <w:rPr>
          <w:rFonts w:eastAsiaTheme="majorEastAsia"/>
        </w:rPr>
        <w:t>An innovative approach to interpreting and evaluating accident data has been adopted by the Accident Data User Interface project, transcending the conventional boundaries of software design. As a safety and accident prevention tool, it represents a renewed vision of data-driven decision-making. As a result of this harmonious fusion of design and functionality, the project displays the extraordinary results that can be achieved when innovative design meets cutting-edge technology.</w:t>
      </w:r>
    </w:p>
    <w:sectPr w:rsidR="003C527F" w:rsidRPr="00932C60">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995225B" w14:textId="77777777" w:rsidR="0068112D" w:rsidRDefault="0068112D">
      <w:pPr>
        <w:spacing w:after="0" w:line="240" w:lineRule="auto"/>
      </w:pPr>
      <w:r>
        <w:separator/>
      </w:r>
    </w:p>
  </w:endnote>
  <w:endnote w:type="continuationSeparator" w:id="0">
    <w:p w14:paraId="31C99752" w14:textId="77777777" w:rsidR="0068112D" w:rsidRDefault="0068112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761A4446"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1824DE">
                <w:t>&lt; Accident Data User Interface (Placeholder)&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Lambert Niyuhire, Cody Perkins, Mitchell Reid</w:t>
              </w:r>
            </w:sdtContent>
          </w:sdt>
        </w:p>
      </w:tc>
      <w:tc>
        <w:tcPr>
          <w:tcW w:w="4675" w:type="dxa"/>
        </w:tcPr>
        <w:p w14:paraId="66753B50" w14:textId="1C2F3068"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E94123">
            <w:rPr>
              <w:noProof/>
            </w:rPr>
            <w:t>5</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64422430"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1824DE">
          <w:t>&lt; Accident Data User Interface (Placeholder)&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Lambert Niyuhire, Cody Perkins, Mitchell Reid</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806891D" w14:textId="77777777" w:rsidR="0068112D" w:rsidRDefault="0068112D">
      <w:pPr>
        <w:spacing w:after="0" w:line="240" w:lineRule="auto"/>
      </w:pPr>
      <w:r>
        <w:separator/>
      </w:r>
    </w:p>
  </w:footnote>
  <w:footnote w:type="continuationSeparator" w:id="0">
    <w:p w14:paraId="7443B899" w14:textId="77777777" w:rsidR="0068112D" w:rsidRDefault="0068112D">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2"/>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01F4B"/>
    <w:rsid w:val="00051A8E"/>
    <w:rsid w:val="00063C04"/>
    <w:rsid w:val="000D615C"/>
    <w:rsid w:val="000E3308"/>
    <w:rsid w:val="000F7E28"/>
    <w:rsid w:val="0010362E"/>
    <w:rsid w:val="00164C01"/>
    <w:rsid w:val="001824DE"/>
    <w:rsid w:val="00184AA9"/>
    <w:rsid w:val="001A49FA"/>
    <w:rsid w:val="00227745"/>
    <w:rsid w:val="002D4235"/>
    <w:rsid w:val="002E1FA4"/>
    <w:rsid w:val="003B7AEE"/>
    <w:rsid w:val="003C527F"/>
    <w:rsid w:val="004279C2"/>
    <w:rsid w:val="004C345C"/>
    <w:rsid w:val="00523E44"/>
    <w:rsid w:val="006640FE"/>
    <w:rsid w:val="0068112D"/>
    <w:rsid w:val="006C6405"/>
    <w:rsid w:val="00710378"/>
    <w:rsid w:val="0086576E"/>
    <w:rsid w:val="009000CE"/>
    <w:rsid w:val="00900E08"/>
    <w:rsid w:val="00932C60"/>
    <w:rsid w:val="00966A54"/>
    <w:rsid w:val="0097144C"/>
    <w:rsid w:val="009D2F88"/>
    <w:rsid w:val="009E544E"/>
    <w:rsid w:val="00A3440D"/>
    <w:rsid w:val="00A85254"/>
    <w:rsid w:val="00A86B3B"/>
    <w:rsid w:val="00AD07E1"/>
    <w:rsid w:val="00AE0CAF"/>
    <w:rsid w:val="00BC1DA0"/>
    <w:rsid w:val="00C65CD6"/>
    <w:rsid w:val="00D00991"/>
    <w:rsid w:val="00DD0ACF"/>
    <w:rsid w:val="00E20607"/>
    <w:rsid w:val="00E94123"/>
    <w:rsid w:val="00ED34AE"/>
    <w:rsid w:val="00ED3866"/>
    <w:rsid w:val="00EF1F30"/>
    <w:rsid w:val="00FC6AEE"/>
    <w:rsid w:val="00FE7EC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22"/>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Revision">
    <w:name w:val="Revision"/>
    <w:hidden/>
    <w:uiPriority w:val="99"/>
    <w:semiHidden/>
    <w:rsid w:val="000F7E28"/>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1C8C"/>
    <w:rsid w:val="0011425F"/>
    <w:rsid w:val="0015183A"/>
    <w:rsid w:val="00783E12"/>
    <w:rsid w:val="007C77F2"/>
    <w:rsid w:val="00854693"/>
    <w:rsid w:val="00A87883"/>
    <w:rsid w:val="00BE41F0"/>
    <w:rsid w:val="00E91B9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word/webextensions/_rels/taskpanes.xml.rels><?xml version="1.0" encoding="UTF-8" standalone="yes"?>
<Relationships xmlns="http://schemas.openxmlformats.org/package/2006/relationships"><Relationship Id="rId2" Type="http://schemas.microsoft.com/office/2011/relationships/webextension" Target="webextension2.xml"/><Relationship Id="rId1" Type="http://schemas.microsoft.com/office/2011/relationships/webextension" Target="webextension1.xml"/></Relationships>
</file>

<file path=word/webextensions/taskpanes.xml><?xml version="1.0" encoding="utf-8"?>
<wetp:taskpanes xmlns:wetp="http://schemas.microsoft.com/office/webextensions/taskpanes/2010/11">
  <wetp:taskpane dockstate="right" visibility="0" width="350" row="0">
    <wetp:webextensionref xmlns:r="http://schemas.openxmlformats.org/officeDocument/2006/relationships" r:id="rId1"/>
  </wetp:taskpane>
  <wetp:taskpane dockstate="right" visibility="0" width="350" row="0">
    <wetp:webextensionref xmlns:r="http://schemas.openxmlformats.org/officeDocument/2006/relationships" r:id="rId2"/>
  </wetp:taskpane>
</wetp:taskpanes>
</file>

<file path=word/webextensions/webextension1.xml><?xml version="1.0" encoding="utf-8"?>
<we:webextension xmlns:we="http://schemas.microsoft.com/office/webextensions/webextension/2010/11" id="{A64C6EC4-16C0-654C-876A-02AD4DC6951E}">
  <we:reference id="wa200000368" version="1.0.0.0" store="en-US" storeType="OMEX"/>
  <we:alternateReferences>
    <we:reference id="wa200000368" version="1.0.0.0" store="wa200000368" storeType="OMEX"/>
  </we:alternateReferences>
  <we:properties/>
  <we:bindings/>
  <we:snapshot xmlns:r="http://schemas.openxmlformats.org/officeDocument/2006/relationships"/>
</we:webextension>
</file>

<file path=word/webextensions/webextension2.xml><?xml version="1.0" encoding="utf-8"?>
<we:webextension xmlns:we="http://schemas.microsoft.com/office/webextensions/webextension/2010/11" id="{488ED65F-55D0-A54D-AC28-5335669E57DD}">
  <we:reference id="wa200005740" version="1.0.0.0" store="en-US" storeType="OMEX"/>
  <we:alternateReferences>
    <we:reference id="wa200005740" version="1.0.0.0" store="wa200005740" storeType="OMEX"/>
  </we:alternateReferences>
  <we:properties/>
  <we:bindings/>
  <we:snapshot xmlns:r="http://schemas.openxmlformats.org/officeDocument/2006/relationships"/>
</we:webextension>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162</TotalTime>
  <Pages>6</Pages>
  <Words>844</Words>
  <Characters>4817</Characters>
  <Application>Microsoft Office Word</Application>
  <DocSecurity>0</DocSecurity>
  <Lines>40</Lines>
  <Paragraphs>11</Paragraphs>
  <ScaleCrop>false</ScaleCrop>
  <HeadingPairs>
    <vt:vector size="2" baseType="variant">
      <vt:variant>
        <vt:lpstr>Title</vt:lpstr>
      </vt:variant>
      <vt:variant>
        <vt:i4>1</vt:i4>
      </vt:variant>
    </vt:vector>
  </HeadingPairs>
  <TitlesOfParts>
    <vt:vector size="1" baseType="lpstr">
      <vt:lpstr>&lt; Accident Data User Interface (Placeholder)&gt; Executive Summary</vt:lpstr>
    </vt:vector>
  </TitlesOfParts>
  <Company/>
  <LinksUpToDate>false</LinksUpToDate>
  <CharactersWithSpaces>56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 Accident Data User Interface (Placeholder)&gt; Executive Summary</dc:title>
  <dc:creator>Lambert Niyuhire, Cody Perkins, Mitchell Reid</dc:creator>
  <cp:keywords/>
  <cp:lastModifiedBy>Lambert Niyuhire</cp:lastModifiedBy>
  <cp:revision>21</cp:revision>
  <dcterms:created xsi:type="dcterms:W3CDTF">2017-08-28T03:16:00Z</dcterms:created>
  <dcterms:modified xsi:type="dcterms:W3CDTF">2023-09-03T00:41: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